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特定健診受診率の状況" sheetId="1" r:id="rId1"/>
  </sheets>
  <externalReferences>
    <externalReference r:id="rId2"/>
  </externalReferences>
  <definedNames>
    <definedName name="_Fill" localSheetId="0" hidden="1">#REF!</definedName>
    <definedName name="_Fill" hidden="1">#REF!</definedName>
    <definedName name="_Key1" localSheetId="0" hidden="1">#REF!</definedName>
    <definedName name="_Key1" hidden="1">#REF!</definedName>
    <definedName name="_Order1" hidden="1">0</definedName>
    <definedName name="\a" localSheetId="0">#REF!</definedName>
    <definedName name="\a">#REF!</definedName>
    <definedName name="\b" localSheetId="0">#REF!</definedName>
    <definedName name="\b">#REF!</definedName>
    <definedName name="_xlnm.Print_Area" localSheetId="0">特定健診受診率の状況!$A$1:$N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56">
  <si>
    <t>５.保健事業（１）　特定健診受診率の状況</t>
    <rPh sb="2" eb="4">
      <t>ホケン</t>
    </rPh>
    <rPh sb="4" eb="6">
      <t>ジギョウ</t>
    </rPh>
    <rPh sb="10" eb="12">
      <t>トクテイ</t>
    </rPh>
    <rPh sb="12" eb="13">
      <t>ケン</t>
    </rPh>
    <rPh sb="13" eb="14">
      <t>ミ</t>
    </rPh>
    <rPh sb="14" eb="16">
      <t>ジュシン</t>
    </rPh>
    <rPh sb="16" eb="17">
      <t>リツ</t>
    </rPh>
    <rPh sb="18" eb="20">
      <t>ジョウキョウ</t>
    </rPh>
    <phoneticPr fontId="4"/>
  </si>
  <si>
    <t>保険者名</t>
  </si>
  <si>
    <t>特　定　健　康　診　査</t>
    <rPh sb="0" eb="1">
      <t>トク</t>
    </rPh>
    <rPh sb="2" eb="3">
      <t>サダム</t>
    </rPh>
    <rPh sb="4" eb="5">
      <t>ケン</t>
    </rPh>
    <rPh sb="6" eb="7">
      <t>ヤスシ</t>
    </rPh>
    <rPh sb="8" eb="9">
      <t>ミ</t>
    </rPh>
    <rPh sb="10" eb="11">
      <t>サ</t>
    </rPh>
    <phoneticPr fontId="9"/>
  </si>
  <si>
    <t>30年度</t>
    <rPh sb="2" eb="4">
      <t>ネンド</t>
    </rPh>
    <phoneticPr fontId="9"/>
  </si>
  <si>
    <t>29→30　　受診率　　増減（％）</t>
    <rPh sb="7" eb="9">
      <t>ジュシン</t>
    </rPh>
    <rPh sb="9" eb="10">
      <t>リツ</t>
    </rPh>
    <rPh sb="12" eb="14">
      <t>ゾウゲン</t>
    </rPh>
    <phoneticPr fontId="9"/>
  </si>
  <si>
    <t>元年度</t>
    <rPh sb="0" eb="1">
      <t>ガン</t>
    </rPh>
    <rPh sb="1" eb="3">
      <t>ネンド</t>
    </rPh>
    <phoneticPr fontId="9"/>
  </si>
  <si>
    <t>30→元　　受診率　　増減（％）</t>
    <rPh sb="3" eb="4">
      <t>ガン</t>
    </rPh>
    <rPh sb="6" eb="8">
      <t>ジュシン</t>
    </rPh>
    <rPh sb="8" eb="9">
      <t>リツ</t>
    </rPh>
    <rPh sb="11" eb="13">
      <t>ゾウゲン</t>
    </rPh>
    <phoneticPr fontId="9"/>
  </si>
  <si>
    <t>２年度</t>
    <rPh sb="1" eb="3">
      <t>ネンド</t>
    </rPh>
    <phoneticPr fontId="9"/>
  </si>
  <si>
    <t>元→２　　受診率　　増減（％）</t>
    <rPh sb="0" eb="1">
      <t>ゲン</t>
    </rPh>
    <rPh sb="5" eb="7">
      <t>ジュシン</t>
    </rPh>
    <rPh sb="7" eb="8">
      <t>リツ</t>
    </rPh>
    <rPh sb="10" eb="12">
      <t>ゾウゲン</t>
    </rPh>
    <phoneticPr fontId="9"/>
  </si>
  <si>
    <t>対象者数</t>
    <rPh sb="0" eb="3">
      <t>タイショウシャ</t>
    </rPh>
    <rPh sb="3" eb="4">
      <t>スウ</t>
    </rPh>
    <phoneticPr fontId="2"/>
  </si>
  <si>
    <t>受診者数</t>
    <rPh sb="0" eb="3">
      <t>ジュシンシャ</t>
    </rPh>
    <rPh sb="3" eb="4">
      <t>スウ</t>
    </rPh>
    <phoneticPr fontId="2"/>
  </si>
  <si>
    <t>受診率</t>
    <rPh sb="0" eb="2">
      <t>ジュシン</t>
    </rPh>
    <rPh sb="2" eb="3">
      <t>リツ</t>
    </rPh>
    <phoneticPr fontId="2"/>
  </si>
  <si>
    <t>（人）</t>
    <rPh sb="1" eb="2">
      <t>ニン</t>
    </rPh>
    <phoneticPr fontId="2"/>
  </si>
  <si>
    <t>（％）</t>
    <phoneticPr fontId="2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計</t>
    <rPh sb="3" eb="4">
      <t>ケイ</t>
    </rPh>
    <phoneticPr fontId="9"/>
  </si>
  <si>
    <t>組 合 計</t>
    <rPh sb="4" eb="5">
      <t>ケイ</t>
    </rPh>
    <phoneticPr fontId="4"/>
  </si>
  <si>
    <t>県   計</t>
    <rPh sb="4" eb="5">
      <t>ケ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.0"/>
    <numFmt numFmtId="177" formatCode="0.0_);[Red]\(0.0\)"/>
    <numFmt numFmtId="178" formatCode="0.0_ "/>
    <numFmt numFmtId="179" formatCode="#,##0.0_ "/>
  </numFmts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0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37" fontId="8" fillId="0" borderId="0"/>
    <xf numFmtId="0" fontId="2" fillId="0" borderId="0"/>
  </cellStyleXfs>
  <cellXfs count="101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6" fillId="0" borderId="0" xfId="1" applyFont="1"/>
    <xf numFmtId="38" fontId="7" fillId="0" borderId="1" xfId="1" applyFont="1" applyBorder="1" applyAlignment="1">
      <alignment horizontal="distributed" vertical="center" justifyLastLine="1"/>
    </xf>
    <xf numFmtId="0" fontId="7" fillId="0" borderId="2" xfId="0" applyFont="1" applyBorder="1" applyAlignment="1">
      <alignment horizontal="distributed" vertical="center" justifyLastLine="1"/>
    </xf>
    <xf numFmtId="37" fontId="7" fillId="0" borderId="3" xfId="3" applyFont="1" applyFill="1" applyBorder="1" applyAlignment="1" applyProtection="1">
      <alignment horizontal="center" vertical="center"/>
    </xf>
    <xf numFmtId="37" fontId="7" fillId="0" borderId="4" xfId="3" applyFont="1" applyFill="1" applyBorder="1" applyAlignment="1" applyProtection="1">
      <alignment horizontal="center" vertical="center"/>
    </xf>
    <xf numFmtId="37" fontId="7" fillId="0" borderId="5" xfId="3" applyFont="1" applyFill="1" applyBorder="1" applyAlignment="1" applyProtection="1">
      <alignment horizontal="center" vertical="center"/>
    </xf>
    <xf numFmtId="38" fontId="5" fillId="0" borderId="6" xfId="1" applyFont="1" applyBorder="1"/>
    <xf numFmtId="38" fontId="7" fillId="0" borderId="6" xfId="1" applyFont="1" applyBorder="1" applyAlignment="1">
      <alignment horizontal="distributed" vertical="center" justifyLastLine="1"/>
    </xf>
    <xf numFmtId="0" fontId="7" fillId="0" borderId="7" xfId="0" applyFont="1" applyBorder="1" applyAlignment="1">
      <alignment horizontal="distributed" vertical="center" justifyLastLine="1"/>
    </xf>
    <xf numFmtId="0" fontId="5" fillId="0" borderId="8" xfId="4" applyFont="1" applyFill="1" applyBorder="1" applyAlignment="1">
      <alignment horizontal="center" vertical="center"/>
    </xf>
    <xf numFmtId="0" fontId="5" fillId="0" borderId="9" xfId="4" applyFont="1" applyFill="1" applyBorder="1" applyAlignment="1">
      <alignment horizontal="center" vertical="center"/>
    </xf>
    <xf numFmtId="0" fontId="5" fillId="0" borderId="10" xfId="4" applyFont="1" applyFill="1" applyBorder="1" applyAlignment="1">
      <alignment horizontal="center" vertical="center"/>
    </xf>
    <xf numFmtId="0" fontId="5" fillId="0" borderId="11" xfId="4" applyFont="1" applyBorder="1" applyAlignment="1">
      <alignment horizontal="center" vertical="center" wrapText="1"/>
    </xf>
    <xf numFmtId="0" fontId="5" fillId="0" borderId="9" xfId="4" applyFont="1" applyBorder="1" applyAlignment="1">
      <alignment horizontal="center" vertical="center"/>
    </xf>
    <xf numFmtId="0" fontId="5" fillId="0" borderId="10" xfId="4" applyFont="1" applyBorder="1" applyAlignment="1">
      <alignment horizontal="center" vertical="center"/>
    </xf>
    <xf numFmtId="0" fontId="5" fillId="0" borderId="12" xfId="4" applyFont="1" applyBorder="1" applyAlignment="1">
      <alignment horizontal="center" vertical="center" wrapText="1"/>
    </xf>
    <xf numFmtId="37" fontId="5" fillId="0" borderId="13" xfId="3" applyFont="1" applyFill="1" applyBorder="1" applyAlignment="1" applyProtection="1">
      <alignment horizontal="center" shrinkToFit="1"/>
    </xf>
    <xf numFmtId="37" fontId="5" fillId="0" borderId="14" xfId="3" applyFont="1" applyFill="1" applyBorder="1" applyAlignment="1" applyProtection="1">
      <alignment horizontal="center" shrinkToFit="1"/>
    </xf>
    <xf numFmtId="37" fontId="5" fillId="0" borderId="11" xfId="3" applyFont="1" applyFill="1" applyBorder="1" applyAlignment="1" applyProtection="1">
      <alignment horizontal="center" shrinkToFit="1"/>
    </xf>
    <xf numFmtId="0" fontId="5" fillId="0" borderId="14" xfId="4" applyFont="1" applyBorder="1" applyAlignment="1">
      <alignment horizontal="center" vertical="center" wrapText="1"/>
    </xf>
    <xf numFmtId="37" fontId="5" fillId="0" borderId="0" xfId="3" applyFont="1" applyFill="1" applyBorder="1" applyAlignment="1" applyProtection="1">
      <alignment horizontal="center" shrinkToFit="1"/>
    </xf>
    <xf numFmtId="0" fontId="5" fillId="0" borderId="15" xfId="4" applyFont="1" applyBorder="1" applyAlignment="1">
      <alignment horizontal="center" vertical="center" wrapText="1"/>
    </xf>
    <xf numFmtId="0" fontId="7" fillId="0" borderId="16" xfId="0" applyFont="1" applyBorder="1" applyAlignment="1">
      <alignment horizontal="distributed" vertical="center" justifyLastLine="1"/>
    </xf>
    <xf numFmtId="0" fontId="7" fillId="0" borderId="17" xfId="0" applyFont="1" applyBorder="1" applyAlignment="1">
      <alignment horizontal="distributed" vertical="center" justifyLastLine="1"/>
    </xf>
    <xf numFmtId="49" fontId="5" fillId="0" borderId="18" xfId="3" applyNumberFormat="1" applyFont="1" applyFill="1" applyBorder="1" applyAlignment="1" applyProtection="1">
      <alignment horizontal="right"/>
    </xf>
    <xf numFmtId="37" fontId="5" fillId="0" borderId="18" xfId="3" applyFont="1" applyFill="1" applyBorder="1" applyAlignment="1" applyProtection="1">
      <alignment horizontal="right"/>
    </xf>
    <xf numFmtId="0" fontId="5" fillId="0" borderId="18" xfId="4" applyFont="1" applyBorder="1" applyAlignment="1">
      <alignment horizontal="center" vertical="center" wrapText="1"/>
    </xf>
    <xf numFmtId="49" fontId="5" fillId="0" borderId="17" xfId="3" applyNumberFormat="1" applyFont="1" applyFill="1" applyBorder="1" applyAlignment="1" applyProtection="1">
      <alignment horizontal="right"/>
    </xf>
    <xf numFmtId="0" fontId="5" fillId="0" borderId="19" xfId="4" applyFont="1" applyBorder="1" applyAlignment="1">
      <alignment horizontal="center" vertical="center" wrapText="1"/>
    </xf>
    <xf numFmtId="38" fontId="5" fillId="0" borderId="18" xfId="1" applyFont="1" applyBorder="1"/>
    <xf numFmtId="3" fontId="7" fillId="0" borderId="17" xfId="1" applyNumberFormat="1" applyFont="1" applyFill="1" applyBorder="1"/>
    <xf numFmtId="176" fontId="7" fillId="0" borderId="17" xfId="1" applyNumberFormat="1" applyFont="1" applyFill="1" applyBorder="1"/>
    <xf numFmtId="176" fontId="7" fillId="0" borderId="17" xfId="1" applyNumberFormat="1" applyFont="1" applyBorder="1"/>
    <xf numFmtId="38" fontId="7" fillId="0" borderId="17" xfId="1" applyFont="1" applyFill="1" applyBorder="1" applyAlignment="1">
      <alignment horizontal="right"/>
    </xf>
    <xf numFmtId="38" fontId="7" fillId="0" borderId="18" xfId="1" applyFont="1" applyFill="1" applyBorder="1" applyAlignment="1">
      <alignment horizontal="right"/>
    </xf>
    <xf numFmtId="177" fontId="7" fillId="0" borderId="20" xfId="2" applyNumberFormat="1" applyFont="1" applyFill="1" applyBorder="1" applyAlignment="1">
      <alignment horizontal="right"/>
    </xf>
    <xf numFmtId="178" fontId="7" fillId="0" borderId="18" xfId="1" applyNumberFormat="1" applyFont="1" applyBorder="1" applyAlignment="1">
      <alignment horizontal="right"/>
    </xf>
    <xf numFmtId="178" fontId="7" fillId="0" borderId="19" xfId="1" applyNumberFormat="1" applyFont="1" applyBorder="1" applyAlignment="1">
      <alignment horizontal="right"/>
    </xf>
    <xf numFmtId="38" fontId="5" fillId="0" borderId="21" xfId="1" applyFont="1" applyBorder="1"/>
    <xf numFmtId="3" fontId="7" fillId="0" borderId="10" xfId="1" applyNumberFormat="1" applyFont="1" applyFill="1" applyBorder="1"/>
    <xf numFmtId="176" fontId="7" fillId="0" borderId="10" xfId="1" applyNumberFormat="1" applyFont="1" applyFill="1" applyBorder="1"/>
    <xf numFmtId="176" fontId="7" fillId="0" borderId="10" xfId="1" applyNumberFormat="1" applyFont="1" applyBorder="1"/>
    <xf numFmtId="38" fontId="7" fillId="0" borderId="10" xfId="1" applyFont="1" applyFill="1" applyBorder="1" applyAlignment="1">
      <alignment horizontal="right"/>
    </xf>
    <xf numFmtId="38" fontId="7" fillId="0" borderId="21" xfId="1" applyFont="1" applyFill="1" applyBorder="1" applyAlignment="1">
      <alignment horizontal="right"/>
    </xf>
    <xf numFmtId="177" fontId="7" fillId="0" borderId="8" xfId="2" applyNumberFormat="1" applyFont="1" applyFill="1" applyBorder="1" applyAlignment="1">
      <alignment horizontal="right"/>
    </xf>
    <xf numFmtId="178" fontId="7" fillId="0" borderId="21" xfId="1" applyNumberFormat="1" applyFont="1" applyBorder="1" applyAlignment="1">
      <alignment horizontal="right"/>
    </xf>
    <xf numFmtId="178" fontId="7" fillId="0" borderId="22" xfId="1" applyNumberFormat="1" applyFont="1" applyBorder="1" applyAlignment="1">
      <alignment horizontal="right"/>
    </xf>
    <xf numFmtId="38" fontId="7" fillId="2" borderId="10" xfId="1" applyFont="1" applyFill="1" applyBorder="1" applyAlignment="1">
      <alignment horizontal="right"/>
    </xf>
    <xf numFmtId="38" fontId="7" fillId="2" borderId="21" xfId="1" applyFont="1" applyFill="1" applyBorder="1" applyAlignment="1">
      <alignment horizontal="right"/>
    </xf>
    <xf numFmtId="177" fontId="7" fillId="2" borderId="8" xfId="2" applyNumberFormat="1" applyFont="1" applyFill="1" applyBorder="1" applyAlignment="1">
      <alignment horizontal="right"/>
    </xf>
    <xf numFmtId="178" fontId="7" fillId="2" borderId="21" xfId="1" applyNumberFormat="1" applyFont="1" applyFill="1" applyBorder="1" applyAlignment="1">
      <alignment horizontal="right"/>
    </xf>
    <xf numFmtId="178" fontId="7" fillId="2" borderId="22" xfId="1" applyNumberFormat="1" applyFont="1" applyFill="1" applyBorder="1" applyAlignment="1">
      <alignment horizontal="right"/>
    </xf>
    <xf numFmtId="3" fontId="7" fillId="0" borderId="21" xfId="1" applyNumberFormat="1" applyFont="1" applyBorder="1"/>
    <xf numFmtId="176" fontId="7" fillId="0" borderId="21" xfId="1" applyNumberFormat="1" applyFont="1" applyBorder="1"/>
    <xf numFmtId="3" fontId="7" fillId="0" borderId="17" xfId="1" applyNumberFormat="1" applyFont="1" applyBorder="1"/>
    <xf numFmtId="3" fontId="7" fillId="0" borderId="10" xfId="1" applyNumberFormat="1" applyFont="1" applyBorder="1"/>
    <xf numFmtId="38" fontId="5" fillId="0" borderId="23" xfId="1" applyFont="1" applyBorder="1"/>
    <xf numFmtId="178" fontId="7" fillId="0" borderId="21" xfId="2" applyNumberFormat="1" applyFont="1" applyFill="1" applyBorder="1" applyAlignment="1">
      <alignment horizontal="right"/>
    </xf>
    <xf numFmtId="177" fontId="7" fillId="0" borderId="21" xfId="2" applyNumberFormat="1" applyFont="1" applyFill="1" applyBorder="1" applyAlignment="1">
      <alignment horizontal="right"/>
    </xf>
    <xf numFmtId="38" fontId="5" fillId="0" borderId="24" xfId="1" applyFont="1" applyBorder="1"/>
    <xf numFmtId="38" fontId="5" fillId="0" borderId="25" xfId="1" applyFont="1" applyBorder="1"/>
    <xf numFmtId="3" fontId="7" fillId="0" borderId="26" xfId="1" applyNumberFormat="1" applyFont="1" applyBorder="1"/>
    <xf numFmtId="176" fontId="7" fillId="0" borderId="26" xfId="1" applyNumberFormat="1" applyFont="1" applyBorder="1"/>
    <xf numFmtId="38" fontId="7" fillId="0" borderId="26" xfId="1" applyFont="1" applyFill="1" applyBorder="1" applyAlignment="1">
      <alignment horizontal="right"/>
    </xf>
    <xf numFmtId="38" fontId="7" fillId="0" borderId="25" xfId="1" applyFont="1" applyFill="1" applyBorder="1" applyAlignment="1">
      <alignment horizontal="right"/>
    </xf>
    <xf numFmtId="177" fontId="7" fillId="0" borderId="27" xfId="2" applyNumberFormat="1" applyFont="1" applyFill="1" applyBorder="1" applyAlignment="1">
      <alignment horizontal="right"/>
    </xf>
    <xf numFmtId="178" fontId="7" fillId="0" borderId="25" xfId="1" applyNumberFormat="1" applyFont="1" applyBorder="1" applyAlignment="1">
      <alignment horizontal="right"/>
    </xf>
    <xf numFmtId="178" fontId="7" fillId="0" borderId="28" xfId="1" applyNumberFormat="1" applyFont="1" applyBorder="1" applyAlignment="1">
      <alignment horizontal="right"/>
    </xf>
    <xf numFmtId="177" fontId="7" fillId="0" borderId="18" xfId="2" applyNumberFormat="1" applyFont="1" applyFill="1" applyBorder="1" applyAlignment="1">
      <alignment horizontal="right"/>
    </xf>
    <xf numFmtId="38" fontId="5" fillId="0" borderId="0" xfId="1" applyFont="1" applyBorder="1"/>
    <xf numFmtId="38" fontId="5" fillId="0" borderId="29" xfId="1" applyFont="1" applyBorder="1"/>
    <xf numFmtId="177" fontId="7" fillId="0" borderId="25" xfId="2" applyNumberFormat="1" applyFont="1" applyFill="1" applyBorder="1" applyAlignment="1">
      <alignment horizontal="right"/>
    </xf>
    <xf numFmtId="38" fontId="5" fillId="0" borderId="30" xfId="1" applyFont="1" applyBorder="1" applyAlignment="1">
      <alignment horizontal="distributed" justifyLastLine="1"/>
    </xf>
    <xf numFmtId="38" fontId="5" fillId="0" borderId="31" xfId="1" applyFont="1" applyBorder="1" applyAlignment="1">
      <alignment horizontal="distributed" justifyLastLine="1"/>
    </xf>
    <xf numFmtId="3" fontId="7" fillId="0" borderId="32" xfId="1" applyNumberFormat="1" applyFont="1" applyBorder="1"/>
    <xf numFmtId="176" fontId="7" fillId="0" borderId="32" xfId="1" applyNumberFormat="1" applyFont="1" applyBorder="1"/>
    <xf numFmtId="38" fontId="7" fillId="0" borderId="31" xfId="1" applyFont="1" applyBorder="1" applyAlignment="1">
      <alignment horizontal="right"/>
    </xf>
    <xf numFmtId="38" fontId="7" fillId="0" borderId="33" xfId="1" applyFont="1" applyBorder="1" applyAlignment="1">
      <alignment horizontal="right"/>
    </xf>
    <xf numFmtId="177" fontId="7" fillId="0" borderId="33" xfId="2" applyNumberFormat="1" applyFont="1" applyFill="1" applyBorder="1" applyAlignment="1">
      <alignment horizontal="right"/>
    </xf>
    <xf numFmtId="178" fontId="7" fillId="0" borderId="33" xfId="1" applyNumberFormat="1" applyFont="1" applyBorder="1" applyAlignment="1">
      <alignment horizontal="right"/>
    </xf>
    <xf numFmtId="178" fontId="7" fillId="0" borderId="34" xfId="1" applyNumberFormat="1" applyFont="1" applyBorder="1" applyAlignment="1">
      <alignment horizontal="right"/>
    </xf>
    <xf numFmtId="38" fontId="7" fillId="0" borderId="32" xfId="1" applyFont="1" applyBorder="1" applyAlignment="1">
      <alignment horizontal="right"/>
    </xf>
    <xf numFmtId="38" fontId="7" fillId="0" borderId="35" xfId="1" applyFont="1" applyBorder="1" applyAlignment="1">
      <alignment horizontal="right"/>
    </xf>
    <xf numFmtId="177" fontId="7" fillId="0" borderId="35" xfId="1" applyNumberFormat="1" applyFont="1" applyFill="1" applyBorder="1" applyAlignment="1">
      <alignment horizontal="right"/>
    </xf>
    <xf numFmtId="178" fontId="7" fillId="0" borderId="35" xfId="1" applyNumberFormat="1" applyFont="1" applyBorder="1" applyAlignment="1">
      <alignment horizontal="right"/>
    </xf>
    <xf numFmtId="178" fontId="7" fillId="0" borderId="36" xfId="1" applyNumberFormat="1" applyFont="1" applyBorder="1" applyAlignment="1">
      <alignment horizontal="right"/>
    </xf>
    <xf numFmtId="38" fontId="5" fillId="0" borderId="37" xfId="1" applyFont="1" applyBorder="1" applyAlignment="1">
      <alignment horizontal="distributed" justifyLastLine="1"/>
    </xf>
    <xf numFmtId="38" fontId="5" fillId="0" borderId="38" xfId="1" applyFont="1" applyBorder="1" applyAlignment="1">
      <alignment horizontal="distributed" justifyLastLine="1"/>
    </xf>
    <xf numFmtId="3" fontId="7" fillId="0" borderId="39" xfId="1" applyNumberFormat="1" applyFont="1" applyBorder="1"/>
    <xf numFmtId="176" fontId="7" fillId="0" borderId="39" xfId="1" applyNumberFormat="1" applyFont="1" applyBorder="1"/>
    <xf numFmtId="38" fontId="7" fillId="0" borderId="39" xfId="1" applyFont="1" applyBorder="1" applyAlignment="1">
      <alignment horizontal="right"/>
    </xf>
    <xf numFmtId="38" fontId="7" fillId="0" borderId="40" xfId="1" applyFont="1" applyBorder="1" applyAlignment="1">
      <alignment horizontal="right"/>
    </xf>
    <xf numFmtId="179" fontId="7" fillId="0" borderId="40" xfId="1" applyNumberFormat="1" applyFont="1" applyFill="1" applyBorder="1" applyAlignment="1">
      <alignment horizontal="right"/>
    </xf>
    <xf numFmtId="178" fontId="7" fillId="0" borderId="40" xfId="1" applyNumberFormat="1" applyFont="1" applyBorder="1" applyAlignment="1">
      <alignment horizontal="right"/>
    </xf>
    <xf numFmtId="177" fontId="7" fillId="0" borderId="40" xfId="1" applyNumberFormat="1" applyFont="1" applyFill="1" applyBorder="1" applyAlignment="1">
      <alignment horizontal="right"/>
    </xf>
    <xf numFmtId="178" fontId="7" fillId="0" borderId="41" xfId="1" applyNumberFormat="1" applyFont="1" applyBorder="1" applyAlignment="1">
      <alignment horizontal="right"/>
    </xf>
    <xf numFmtId="0" fontId="5" fillId="0" borderId="0" xfId="1" quotePrefix="1" applyNumberFormat="1" applyFont="1"/>
    <xf numFmtId="38" fontId="5" fillId="0" borderId="0" xfId="1" applyFont="1" applyFill="1"/>
  </cellXfs>
  <cellStyles count="5">
    <cellStyle name="パーセント" xfId="2" builtinId="5"/>
    <cellStyle name="桁区切り" xfId="1" builtinId="6"/>
    <cellStyle name="標準" xfId="0" builtinId="0"/>
    <cellStyle name="標準_(訂正)特定健診20-21" xfId="4"/>
    <cellStyle name="標準_事04統13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0</xdr:colOff>
      <xdr:row>10</xdr:row>
      <xdr:rowOff>0</xdr:rowOff>
    </xdr:from>
    <xdr:ext cx="76200" cy="209550"/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831850" y="212090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831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831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831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1</xdr:row>
      <xdr:rowOff>0</xdr:rowOff>
    </xdr:from>
    <xdr:ext cx="76200" cy="209550"/>
    <xdr:sp macro="" textlink="">
      <xdr:nvSpPr>
        <xdr:cNvPr id="6" name="Text Box 1"/>
        <xdr:cNvSpPr txBox="1">
          <a:spLocks noChangeArrowheads="1"/>
        </xdr:cNvSpPr>
      </xdr:nvSpPr>
      <xdr:spPr bwMode="auto">
        <a:xfrm>
          <a:off x="383540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7" name="Text Box 2"/>
        <xdr:cNvSpPr txBox="1">
          <a:spLocks noChangeArrowheads="1"/>
        </xdr:cNvSpPr>
      </xdr:nvSpPr>
      <xdr:spPr bwMode="auto">
        <a:xfrm>
          <a:off x="31813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8" name="Text Box 1"/>
        <xdr:cNvSpPr txBox="1">
          <a:spLocks noChangeArrowheads="1"/>
        </xdr:cNvSpPr>
      </xdr:nvSpPr>
      <xdr:spPr bwMode="auto">
        <a:xfrm>
          <a:off x="31813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9" name="Text Box 1"/>
        <xdr:cNvSpPr txBox="1">
          <a:spLocks noChangeArrowheads="1"/>
        </xdr:cNvSpPr>
      </xdr:nvSpPr>
      <xdr:spPr bwMode="auto">
        <a:xfrm>
          <a:off x="31813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635000</xdr:colOff>
      <xdr:row>9</xdr:row>
      <xdr:rowOff>177800</xdr:rowOff>
    </xdr:from>
    <xdr:ext cx="76200" cy="209550"/>
    <xdr:sp macro="" textlink="">
      <xdr:nvSpPr>
        <xdr:cNvPr id="10" name="Text Box 1"/>
        <xdr:cNvSpPr txBox="1">
          <a:spLocks noChangeArrowheads="1"/>
        </xdr:cNvSpPr>
      </xdr:nvSpPr>
      <xdr:spPr bwMode="auto">
        <a:xfrm>
          <a:off x="3816350" y="20637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1</xdr:row>
      <xdr:rowOff>0</xdr:rowOff>
    </xdr:from>
    <xdr:ext cx="76200" cy="209550"/>
    <xdr:sp macro="" textlink="">
      <xdr:nvSpPr>
        <xdr:cNvPr id="11" name="Text Box 1"/>
        <xdr:cNvSpPr txBox="1">
          <a:spLocks noChangeArrowheads="1"/>
        </xdr:cNvSpPr>
      </xdr:nvSpPr>
      <xdr:spPr bwMode="auto">
        <a:xfrm>
          <a:off x="618490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2" name="Text Box 2"/>
        <xdr:cNvSpPr txBox="1">
          <a:spLocks noChangeArrowheads="1"/>
        </xdr:cNvSpPr>
      </xdr:nvSpPr>
      <xdr:spPr bwMode="auto">
        <a:xfrm>
          <a:off x="5530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3" name="Text Box 1"/>
        <xdr:cNvSpPr txBox="1">
          <a:spLocks noChangeArrowheads="1"/>
        </xdr:cNvSpPr>
      </xdr:nvSpPr>
      <xdr:spPr bwMode="auto">
        <a:xfrm>
          <a:off x="5530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4" name="Text Box 1"/>
        <xdr:cNvSpPr txBox="1">
          <a:spLocks noChangeArrowheads="1"/>
        </xdr:cNvSpPr>
      </xdr:nvSpPr>
      <xdr:spPr bwMode="auto">
        <a:xfrm>
          <a:off x="5530850" y="23558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635000</xdr:colOff>
      <xdr:row>9</xdr:row>
      <xdr:rowOff>177800</xdr:rowOff>
    </xdr:from>
    <xdr:ext cx="76200" cy="209550"/>
    <xdr:sp macro="" textlink="">
      <xdr:nvSpPr>
        <xdr:cNvPr id="15" name="Text Box 1"/>
        <xdr:cNvSpPr txBox="1">
          <a:spLocks noChangeArrowheads="1"/>
        </xdr:cNvSpPr>
      </xdr:nvSpPr>
      <xdr:spPr bwMode="auto">
        <a:xfrm>
          <a:off x="6165850" y="206375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9305;&#23450;&#20581;&#35386;&#12289;&#29305;&#23450;&#20445;&#20581;&#25351;&#23566;&#23455;&#26045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特定健診受診率の状況"/>
      <sheetName val="保健指導終了率の状況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"/>
  <sheetViews>
    <sheetView tabSelected="1" zoomScaleNormal="100" zoomScaleSheetLayoutView="100" workbookViewId="0"/>
  </sheetViews>
  <sheetFormatPr defaultColWidth="9" defaultRowHeight="11" x14ac:dyDescent="0.2"/>
  <cols>
    <col min="1" max="1" width="3.453125" style="2" customWidth="1"/>
    <col min="2" max="2" width="8.453125" style="2" customWidth="1"/>
    <col min="3" max="4" width="9.36328125" style="2" customWidth="1"/>
    <col min="5" max="6" width="7.453125" style="2" customWidth="1"/>
    <col min="7" max="8" width="9.36328125" style="2" customWidth="1"/>
    <col min="9" max="9" width="7.453125" style="100" customWidth="1"/>
    <col min="10" max="10" width="7.453125" style="2" customWidth="1"/>
    <col min="11" max="12" width="9.36328125" style="2" customWidth="1"/>
    <col min="13" max="13" width="7.453125" style="100" customWidth="1"/>
    <col min="14" max="14" width="7.453125" style="2" customWidth="1"/>
    <col min="15" max="15" width="1.36328125" style="2" customWidth="1"/>
    <col min="16" max="16384" width="9" style="2"/>
  </cols>
  <sheetData>
    <row r="1" spans="1:16" ht="16.5" customHeight="1" x14ac:dyDescent="0.2">
      <c r="A1" s="1" t="s">
        <v>0</v>
      </c>
      <c r="I1" s="2"/>
      <c r="M1" s="2"/>
      <c r="P1" s="3"/>
    </row>
    <row r="2" spans="1:16" ht="16.5" customHeight="1" thickBot="1" x14ac:dyDescent="0.25">
      <c r="I2" s="2"/>
      <c r="M2" s="2"/>
      <c r="P2" s="3"/>
    </row>
    <row r="3" spans="1:16" ht="15" customHeight="1" x14ac:dyDescent="0.2">
      <c r="A3" s="4" t="s">
        <v>1</v>
      </c>
      <c r="B3" s="5"/>
      <c r="C3" s="6" t="s">
        <v>2</v>
      </c>
      <c r="D3" s="7"/>
      <c r="E3" s="7"/>
      <c r="F3" s="7"/>
      <c r="G3" s="7"/>
      <c r="H3" s="7"/>
      <c r="I3" s="7"/>
      <c r="J3" s="7"/>
      <c r="K3" s="7"/>
      <c r="L3" s="7"/>
      <c r="M3" s="7"/>
      <c r="N3" s="8"/>
      <c r="O3" s="9"/>
    </row>
    <row r="4" spans="1:16" ht="15" customHeight="1" x14ac:dyDescent="0.2">
      <c r="A4" s="10"/>
      <c r="B4" s="11"/>
      <c r="C4" s="12" t="s">
        <v>3</v>
      </c>
      <c r="D4" s="13"/>
      <c r="E4" s="14"/>
      <c r="F4" s="15" t="s">
        <v>4</v>
      </c>
      <c r="G4" s="16" t="s">
        <v>5</v>
      </c>
      <c r="H4" s="16"/>
      <c r="I4" s="17"/>
      <c r="J4" s="15" t="s">
        <v>6</v>
      </c>
      <c r="K4" s="16" t="s">
        <v>7</v>
      </c>
      <c r="L4" s="16"/>
      <c r="M4" s="17"/>
      <c r="N4" s="18" t="s">
        <v>8</v>
      </c>
      <c r="O4" s="9"/>
    </row>
    <row r="5" spans="1:16" ht="15" customHeight="1" x14ac:dyDescent="0.2">
      <c r="A5" s="10"/>
      <c r="B5" s="11"/>
      <c r="C5" s="19" t="s">
        <v>9</v>
      </c>
      <c r="D5" s="20" t="s">
        <v>10</v>
      </c>
      <c r="E5" s="21" t="s">
        <v>11</v>
      </c>
      <c r="F5" s="22"/>
      <c r="G5" s="23" t="s">
        <v>9</v>
      </c>
      <c r="H5" s="20" t="s">
        <v>10</v>
      </c>
      <c r="I5" s="21" t="s">
        <v>11</v>
      </c>
      <c r="J5" s="22"/>
      <c r="K5" s="23" t="s">
        <v>9</v>
      </c>
      <c r="L5" s="20" t="s">
        <v>10</v>
      </c>
      <c r="M5" s="21" t="s">
        <v>11</v>
      </c>
      <c r="N5" s="24"/>
      <c r="O5" s="9"/>
    </row>
    <row r="6" spans="1:16" ht="15" customHeight="1" x14ac:dyDescent="0.2">
      <c r="A6" s="25"/>
      <c r="B6" s="26"/>
      <c r="C6" s="27" t="s">
        <v>12</v>
      </c>
      <c r="D6" s="27" t="s">
        <v>12</v>
      </c>
      <c r="E6" s="28" t="s">
        <v>13</v>
      </c>
      <c r="F6" s="29"/>
      <c r="G6" s="27" t="s">
        <v>12</v>
      </c>
      <c r="H6" s="27" t="s">
        <v>12</v>
      </c>
      <c r="I6" s="28" t="s">
        <v>13</v>
      </c>
      <c r="J6" s="29"/>
      <c r="K6" s="30" t="s">
        <v>12</v>
      </c>
      <c r="L6" s="27" t="s">
        <v>12</v>
      </c>
      <c r="M6" s="28" t="s">
        <v>13</v>
      </c>
      <c r="N6" s="31"/>
      <c r="O6" s="9"/>
    </row>
    <row r="7" spans="1:16" ht="18.899999999999999" customHeight="1" x14ac:dyDescent="0.2">
      <c r="A7" s="9">
        <v>1</v>
      </c>
      <c r="B7" s="32" t="s">
        <v>14</v>
      </c>
      <c r="C7" s="33">
        <v>495126</v>
      </c>
      <c r="D7" s="33">
        <v>120364</v>
      </c>
      <c r="E7" s="34">
        <v>24.3</v>
      </c>
      <c r="F7" s="35">
        <v>2.4</v>
      </c>
      <c r="G7" s="36">
        <v>477325</v>
      </c>
      <c r="H7" s="37">
        <v>121469</v>
      </c>
      <c r="I7" s="38">
        <v>25.4</v>
      </c>
      <c r="J7" s="39">
        <v>1.1399999999999999</v>
      </c>
      <c r="K7" s="36">
        <v>472831</v>
      </c>
      <c r="L7" s="37">
        <v>102928</v>
      </c>
      <c r="M7" s="38">
        <v>21.8</v>
      </c>
      <c r="N7" s="40">
        <v>-3.6</v>
      </c>
      <c r="O7" s="9"/>
    </row>
    <row r="8" spans="1:16" ht="18.899999999999999" customHeight="1" x14ac:dyDescent="0.2">
      <c r="A8" s="9">
        <v>2</v>
      </c>
      <c r="B8" s="41" t="s">
        <v>15</v>
      </c>
      <c r="C8" s="42">
        <v>173558</v>
      </c>
      <c r="D8" s="42">
        <v>45752</v>
      </c>
      <c r="E8" s="43">
        <v>26.4</v>
      </c>
      <c r="F8" s="44">
        <v>-0.2</v>
      </c>
      <c r="G8" s="45">
        <v>167091</v>
      </c>
      <c r="H8" s="46">
        <v>43298</v>
      </c>
      <c r="I8" s="47">
        <v>25.91</v>
      </c>
      <c r="J8" s="48">
        <v>-0.5</v>
      </c>
      <c r="K8" s="45">
        <v>165778</v>
      </c>
      <c r="L8" s="46">
        <v>42763</v>
      </c>
      <c r="M8" s="47">
        <v>25.8</v>
      </c>
      <c r="N8" s="49">
        <v>-0.1</v>
      </c>
      <c r="O8" s="9"/>
    </row>
    <row r="9" spans="1:16" ht="18.899999999999999" customHeight="1" x14ac:dyDescent="0.2">
      <c r="A9" s="9">
        <v>3</v>
      </c>
      <c r="B9" s="41" t="s">
        <v>16</v>
      </c>
      <c r="C9" s="42">
        <v>67902</v>
      </c>
      <c r="D9" s="42">
        <v>21219</v>
      </c>
      <c r="E9" s="43">
        <v>31.2</v>
      </c>
      <c r="F9" s="43">
        <v>0.7</v>
      </c>
      <c r="G9" s="50">
        <v>64780</v>
      </c>
      <c r="H9" s="51">
        <v>20391</v>
      </c>
      <c r="I9" s="52">
        <v>31.480000000000004</v>
      </c>
      <c r="J9" s="53">
        <v>0.3</v>
      </c>
      <c r="K9" s="50">
        <v>63566</v>
      </c>
      <c r="L9" s="51">
        <v>15534</v>
      </c>
      <c r="M9" s="52">
        <v>24.44</v>
      </c>
      <c r="N9" s="54">
        <v>-7.1</v>
      </c>
      <c r="O9" s="9"/>
    </row>
    <row r="10" spans="1:16" ht="18.899999999999999" customHeight="1" x14ac:dyDescent="0.2">
      <c r="A10" s="9">
        <v>4</v>
      </c>
      <c r="B10" s="41" t="s">
        <v>17</v>
      </c>
      <c r="C10" s="42">
        <v>41294</v>
      </c>
      <c r="D10" s="42">
        <v>14184</v>
      </c>
      <c r="E10" s="43">
        <v>34.299999999999997</v>
      </c>
      <c r="F10" s="43">
        <v>1.2</v>
      </c>
      <c r="G10" s="50">
        <v>39788</v>
      </c>
      <c r="H10" s="51">
        <v>13218</v>
      </c>
      <c r="I10" s="52">
        <v>33.22</v>
      </c>
      <c r="J10" s="53">
        <v>-1.1300000000000026</v>
      </c>
      <c r="K10" s="50">
        <v>39287</v>
      </c>
      <c r="L10" s="51">
        <v>12810</v>
      </c>
      <c r="M10" s="52">
        <v>32.61</v>
      </c>
      <c r="N10" s="54">
        <v>-0.6</v>
      </c>
      <c r="O10" s="9"/>
    </row>
    <row r="11" spans="1:16" ht="18.899999999999999" customHeight="1" x14ac:dyDescent="0.2">
      <c r="A11" s="9">
        <v>5</v>
      </c>
      <c r="B11" s="41" t="s">
        <v>18</v>
      </c>
      <c r="C11" s="42">
        <v>28053</v>
      </c>
      <c r="D11" s="42">
        <v>9462</v>
      </c>
      <c r="E11" s="43">
        <v>33.700000000000003</v>
      </c>
      <c r="F11" s="43">
        <v>0.6</v>
      </c>
      <c r="G11" s="50">
        <v>26801</v>
      </c>
      <c r="H11" s="51">
        <v>8955</v>
      </c>
      <c r="I11" s="52">
        <v>33.410000000000004</v>
      </c>
      <c r="J11" s="53">
        <v>-0.31999999999999318</v>
      </c>
      <c r="K11" s="50">
        <v>26441</v>
      </c>
      <c r="L11" s="51">
        <v>7611</v>
      </c>
      <c r="M11" s="52">
        <v>28.78</v>
      </c>
      <c r="N11" s="54">
        <v>-4.5999999999999996</v>
      </c>
      <c r="O11" s="9"/>
    </row>
    <row r="12" spans="1:16" ht="18.899999999999999" customHeight="1" x14ac:dyDescent="0.2">
      <c r="A12" s="9">
        <v>6</v>
      </c>
      <c r="B12" s="41" t="s">
        <v>19</v>
      </c>
      <c r="C12" s="42">
        <v>59962</v>
      </c>
      <c r="D12" s="42">
        <v>23797</v>
      </c>
      <c r="E12" s="43">
        <v>39.700000000000003</v>
      </c>
      <c r="F12" s="43">
        <v>-1.1000000000000001</v>
      </c>
      <c r="G12" s="50">
        <v>57831</v>
      </c>
      <c r="H12" s="51">
        <v>22999</v>
      </c>
      <c r="I12" s="52">
        <v>39.770000000000003</v>
      </c>
      <c r="J12" s="53">
        <v>8.00000000000054E-2</v>
      </c>
      <c r="K12" s="50">
        <v>57387</v>
      </c>
      <c r="L12" s="51">
        <v>20979</v>
      </c>
      <c r="M12" s="52">
        <v>36.56</v>
      </c>
      <c r="N12" s="54">
        <v>-3.2</v>
      </c>
      <c r="O12" s="9"/>
    </row>
    <row r="13" spans="1:16" ht="18.899999999999999" customHeight="1" x14ac:dyDescent="0.2">
      <c r="A13" s="9">
        <v>7</v>
      </c>
      <c r="B13" s="41" t="s">
        <v>20</v>
      </c>
      <c r="C13" s="42">
        <v>30505</v>
      </c>
      <c r="D13" s="42">
        <v>8141</v>
      </c>
      <c r="E13" s="43">
        <v>26.7</v>
      </c>
      <c r="F13" s="43">
        <v>-0.5</v>
      </c>
      <c r="G13" s="50">
        <v>29373</v>
      </c>
      <c r="H13" s="51">
        <v>8240</v>
      </c>
      <c r="I13" s="52">
        <v>28.050000000000004</v>
      </c>
      <c r="J13" s="53">
        <v>1.360000000000003</v>
      </c>
      <c r="K13" s="50">
        <v>28988</v>
      </c>
      <c r="L13" s="51">
        <v>8055</v>
      </c>
      <c r="M13" s="52">
        <v>27.79</v>
      </c>
      <c r="N13" s="54">
        <v>-0.3</v>
      </c>
      <c r="O13" s="9"/>
    </row>
    <row r="14" spans="1:16" ht="18.899999999999999" customHeight="1" x14ac:dyDescent="0.2">
      <c r="A14" s="9">
        <v>8</v>
      </c>
      <c r="B14" s="41" t="s">
        <v>21</v>
      </c>
      <c r="C14" s="42">
        <v>36258</v>
      </c>
      <c r="D14" s="42">
        <v>13132</v>
      </c>
      <c r="E14" s="43">
        <v>36.200000000000003</v>
      </c>
      <c r="F14" s="43">
        <v>-0.6</v>
      </c>
      <c r="G14" s="50">
        <v>34926</v>
      </c>
      <c r="H14" s="51">
        <v>12918</v>
      </c>
      <c r="I14" s="52">
        <v>36.99</v>
      </c>
      <c r="J14" s="53">
        <v>0.77000000000000313</v>
      </c>
      <c r="K14" s="50">
        <v>34628</v>
      </c>
      <c r="L14" s="51">
        <v>11316</v>
      </c>
      <c r="M14" s="52">
        <v>32.68</v>
      </c>
      <c r="N14" s="54">
        <v>-4.3</v>
      </c>
      <c r="O14" s="9"/>
    </row>
    <row r="15" spans="1:16" ht="18.899999999999999" customHeight="1" x14ac:dyDescent="0.2">
      <c r="A15" s="9">
        <v>9</v>
      </c>
      <c r="B15" s="41" t="s">
        <v>22</v>
      </c>
      <c r="C15" s="42">
        <v>9635</v>
      </c>
      <c r="D15" s="42">
        <v>3017</v>
      </c>
      <c r="E15" s="43">
        <v>31.3</v>
      </c>
      <c r="F15" s="43">
        <v>0.3</v>
      </c>
      <c r="G15" s="50">
        <v>9132</v>
      </c>
      <c r="H15" s="51">
        <v>2931</v>
      </c>
      <c r="I15" s="52">
        <v>32.1</v>
      </c>
      <c r="J15" s="53">
        <v>0.7900000000000027</v>
      </c>
      <c r="K15" s="50">
        <v>9053</v>
      </c>
      <c r="L15" s="51">
        <v>2362</v>
      </c>
      <c r="M15" s="52">
        <v>26.09</v>
      </c>
      <c r="N15" s="54">
        <v>-6</v>
      </c>
      <c r="O15" s="9"/>
    </row>
    <row r="16" spans="1:16" ht="18.899999999999999" customHeight="1" x14ac:dyDescent="0.2">
      <c r="A16" s="9">
        <v>10</v>
      </c>
      <c r="B16" s="41" t="s">
        <v>23</v>
      </c>
      <c r="C16" s="42">
        <v>110884</v>
      </c>
      <c r="D16" s="42">
        <v>29473</v>
      </c>
      <c r="E16" s="43">
        <v>26.6</v>
      </c>
      <c r="F16" s="43">
        <v>9.9999999999988987E-5</v>
      </c>
      <c r="G16" s="50">
        <v>105093</v>
      </c>
      <c r="H16" s="51">
        <v>28036</v>
      </c>
      <c r="I16" s="52">
        <v>26.68</v>
      </c>
      <c r="J16" s="53">
        <v>0.10000000000000142</v>
      </c>
      <c r="K16" s="50">
        <v>104310</v>
      </c>
      <c r="L16" s="51">
        <v>22730</v>
      </c>
      <c r="M16" s="52">
        <v>21.79</v>
      </c>
      <c r="N16" s="54">
        <v>-4.9000000000000004</v>
      </c>
      <c r="O16" s="9"/>
    </row>
    <row r="17" spans="1:15" ht="18.899999999999999" customHeight="1" x14ac:dyDescent="0.2">
      <c r="A17" s="9">
        <v>11</v>
      </c>
      <c r="B17" s="41" t="s">
        <v>24</v>
      </c>
      <c r="C17" s="42">
        <v>9751</v>
      </c>
      <c r="D17" s="42">
        <v>2309</v>
      </c>
      <c r="E17" s="43">
        <v>23.7</v>
      </c>
      <c r="F17" s="43">
        <v>1.5</v>
      </c>
      <c r="G17" s="45">
        <v>9265</v>
      </c>
      <c r="H17" s="46">
        <v>2310</v>
      </c>
      <c r="I17" s="47">
        <v>24.93</v>
      </c>
      <c r="J17" s="48">
        <v>1.2</v>
      </c>
      <c r="K17" s="45">
        <v>9093</v>
      </c>
      <c r="L17" s="46">
        <v>2249</v>
      </c>
      <c r="M17" s="47">
        <v>24.73</v>
      </c>
      <c r="N17" s="49">
        <v>-0.2</v>
      </c>
      <c r="O17" s="9"/>
    </row>
    <row r="18" spans="1:15" ht="18.899999999999999" customHeight="1" x14ac:dyDescent="0.2">
      <c r="A18" s="9">
        <v>12</v>
      </c>
      <c r="B18" s="41" t="s">
        <v>25</v>
      </c>
      <c r="C18" s="42">
        <v>27795</v>
      </c>
      <c r="D18" s="42">
        <v>9514</v>
      </c>
      <c r="E18" s="43">
        <v>34.200000000000003</v>
      </c>
      <c r="F18" s="43">
        <v>0.6</v>
      </c>
      <c r="G18" s="45">
        <v>26975</v>
      </c>
      <c r="H18" s="46">
        <v>9061</v>
      </c>
      <c r="I18" s="47">
        <v>33.589999999999996</v>
      </c>
      <c r="J18" s="48">
        <v>-0.64000000000000057</v>
      </c>
      <c r="K18" s="45">
        <v>26585</v>
      </c>
      <c r="L18" s="46">
        <v>8128</v>
      </c>
      <c r="M18" s="47">
        <v>30.57</v>
      </c>
      <c r="N18" s="49">
        <v>-3</v>
      </c>
      <c r="O18" s="9"/>
    </row>
    <row r="19" spans="1:15" ht="18.899999999999999" customHeight="1" x14ac:dyDescent="0.2">
      <c r="A19" s="9">
        <v>13</v>
      </c>
      <c r="B19" s="41" t="s">
        <v>26</v>
      </c>
      <c r="C19" s="42">
        <v>35168</v>
      </c>
      <c r="D19" s="42">
        <v>11657</v>
      </c>
      <c r="E19" s="43">
        <v>33.1</v>
      </c>
      <c r="F19" s="43">
        <v>-0.1</v>
      </c>
      <c r="G19" s="45">
        <v>33331</v>
      </c>
      <c r="H19" s="46">
        <v>12102</v>
      </c>
      <c r="I19" s="47">
        <v>36.309999999999995</v>
      </c>
      <c r="J19" s="48">
        <v>3.1599999999999966</v>
      </c>
      <c r="K19" s="45">
        <v>32765</v>
      </c>
      <c r="L19" s="46">
        <v>10015</v>
      </c>
      <c r="M19" s="47">
        <v>30.57</v>
      </c>
      <c r="N19" s="49">
        <v>-5.7</v>
      </c>
      <c r="O19" s="9"/>
    </row>
    <row r="20" spans="1:15" ht="18.899999999999999" customHeight="1" x14ac:dyDescent="0.2">
      <c r="A20" s="9">
        <v>14</v>
      </c>
      <c r="B20" s="41" t="s">
        <v>27</v>
      </c>
      <c r="C20" s="42">
        <v>34178</v>
      </c>
      <c r="D20" s="42">
        <v>11423</v>
      </c>
      <c r="E20" s="43">
        <v>33.4</v>
      </c>
      <c r="F20" s="43">
        <v>-0.7</v>
      </c>
      <c r="G20" s="45">
        <v>32815</v>
      </c>
      <c r="H20" s="46">
        <v>10808</v>
      </c>
      <c r="I20" s="47">
        <v>32.940000000000005</v>
      </c>
      <c r="J20" s="48">
        <v>-0.47999999999999687</v>
      </c>
      <c r="K20" s="45">
        <v>32653</v>
      </c>
      <c r="L20" s="46">
        <v>10155</v>
      </c>
      <c r="M20" s="47">
        <v>31.1</v>
      </c>
      <c r="N20" s="49">
        <v>-1.8</v>
      </c>
      <c r="O20" s="9"/>
    </row>
    <row r="21" spans="1:15" ht="18" customHeight="1" x14ac:dyDescent="0.2">
      <c r="A21" s="9">
        <v>15</v>
      </c>
      <c r="B21" s="41" t="s">
        <v>28</v>
      </c>
      <c r="C21" s="42">
        <v>15149</v>
      </c>
      <c r="D21" s="42">
        <v>5371</v>
      </c>
      <c r="E21" s="43">
        <v>35.5</v>
      </c>
      <c r="F21" s="43">
        <v>-0.6</v>
      </c>
      <c r="G21" s="45">
        <v>14414</v>
      </c>
      <c r="H21" s="46">
        <v>5139</v>
      </c>
      <c r="I21" s="47">
        <v>35.65</v>
      </c>
      <c r="J21" s="48">
        <v>0.20000000000000284</v>
      </c>
      <c r="K21" s="45">
        <v>14047</v>
      </c>
      <c r="L21" s="46">
        <v>4860</v>
      </c>
      <c r="M21" s="47">
        <v>34.6</v>
      </c>
      <c r="N21" s="49">
        <v>-1.1000000000000001</v>
      </c>
      <c r="O21" s="9"/>
    </row>
    <row r="22" spans="1:15" ht="18.899999999999999" customHeight="1" x14ac:dyDescent="0.2">
      <c r="A22" s="9">
        <v>16</v>
      </c>
      <c r="B22" s="41" t="s">
        <v>29</v>
      </c>
      <c r="C22" s="42">
        <v>19672</v>
      </c>
      <c r="D22" s="42">
        <v>6556</v>
      </c>
      <c r="E22" s="43">
        <v>33.299999999999997</v>
      </c>
      <c r="F22" s="43">
        <v>2.9</v>
      </c>
      <c r="G22" s="45">
        <v>18947</v>
      </c>
      <c r="H22" s="46">
        <v>5816</v>
      </c>
      <c r="I22" s="47">
        <v>30.7</v>
      </c>
      <c r="J22" s="48">
        <v>-2.629999999999999</v>
      </c>
      <c r="K22" s="45">
        <v>18715</v>
      </c>
      <c r="L22" s="46">
        <v>5520</v>
      </c>
      <c r="M22" s="47">
        <v>29.5</v>
      </c>
      <c r="N22" s="49">
        <v>-1.2</v>
      </c>
      <c r="O22" s="9"/>
    </row>
    <row r="23" spans="1:15" ht="18.899999999999999" customHeight="1" x14ac:dyDescent="0.2">
      <c r="A23" s="9">
        <v>17</v>
      </c>
      <c r="B23" s="41" t="s">
        <v>30</v>
      </c>
      <c r="C23" s="42">
        <v>20023</v>
      </c>
      <c r="D23" s="42">
        <v>6115</v>
      </c>
      <c r="E23" s="43">
        <v>30.5</v>
      </c>
      <c r="F23" s="43">
        <v>1</v>
      </c>
      <c r="G23" s="45">
        <v>19024</v>
      </c>
      <c r="H23" s="46">
        <v>5603</v>
      </c>
      <c r="I23" s="47">
        <v>29.45</v>
      </c>
      <c r="J23" s="48">
        <v>-1</v>
      </c>
      <c r="K23" s="45">
        <v>18869</v>
      </c>
      <c r="L23" s="46">
        <v>5427</v>
      </c>
      <c r="M23" s="47">
        <v>28.76</v>
      </c>
      <c r="N23" s="49">
        <v>-0.7</v>
      </c>
      <c r="O23" s="9"/>
    </row>
    <row r="24" spans="1:15" ht="18.899999999999999" customHeight="1" x14ac:dyDescent="0.2">
      <c r="A24" s="9">
        <v>18</v>
      </c>
      <c r="B24" s="41" t="s">
        <v>31</v>
      </c>
      <c r="C24" s="55">
        <v>6583</v>
      </c>
      <c r="D24" s="55">
        <v>1956</v>
      </c>
      <c r="E24" s="56">
        <v>29.7</v>
      </c>
      <c r="F24" s="56">
        <v>-1.1000000000000001</v>
      </c>
      <c r="G24" s="46">
        <v>6335</v>
      </c>
      <c r="H24" s="46">
        <v>1968</v>
      </c>
      <c r="I24" s="47">
        <v>31.069999999999997</v>
      </c>
      <c r="J24" s="48">
        <v>1.3599999999999994</v>
      </c>
      <c r="K24" s="45">
        <v>6311</v>
      </c>
      <c r="L24" s="46">
        <v>1970</v>
      </c>
      <c r="M24" s="47">
        <v>31.22</v>
      </c>
      <c r="N24" s="49">
        <v>0.1</v>
      </c>
      <c r="O24" s="9"/>
    </row>
    <row r="25" spans="1:15" ht="18.899999999999999" customHeight="1" x14ac:dyDescent="0.2">
      <c r="A25" s="9">
        <v>19</v>
      </c>
      <c r="B25" s="41" t="s">
        <v>32</v>
      </c>
      <c r="C25" s="57">
        <v>5765</v>
      </c>
      <c r="D25" s="57">
        <v>1615</v>
      </c>
      <c r="E25" s="35">
        <v>28</v>
      </c>
      <c r="F25" s="35">
        <v>0.3</v>
      </c>
      <c r="G25" s="36">
        <v>5452</v>
      </c>
      <c r="H25" s="37">
        <v>1549</v>
      </c>
      <c r="I25" s="38">
        <v>28.410000000000004</v>
      </c>
      <c r="J25" s="39">
        <v>0.40000000000000213</v>
      </c>
      <c r="K25" s="36">
        <v>5437</v>
      </c>
      <c r="L25" s="37">
        <v>1199</v>
      </c>
      <c r="M25" s="38">
        <v>22.05</v>
      </c>
      <c r="N25" s="40">
        <v>-6.3</v>
      </c>
      <c r="O25" s="9"/>
    </row>
    <row r="26" spans="1:15" ht="18.899999999999999" customHeight="1" x14ac:dyDescent="0.2">
      <c r="A26" s="9">
        <v>20</v>
      </c>
      <c r="B26" s="41" t="s">
        <v>33</v>
      </c>
      <c r="C26" s="58">
        <v>7608</v>
      </c>
      <c r="D26" s="58">
        <v>2552</v>
      </c>
      <c r="E26" s="44">
        <v>33.5</v>
      </c>
      <c r="F26" s="44">
        <v>-1.7</v>
      </c>
      <c r="G26" s="45">
        <v>7359</v>
      </c>
      <c r="H26" s="46">
        <v>2504</v>
      </c>
      <c r="I26" s="47">
        <v>34.03</v>
      </c>
      <c r="J26" s="48">
        <v>0.49000000000000199</v>
      </c>
      <c r="K26" s="45">
        <v>7342</v>
      </c>
      <c r="L26" s="46">
        <v>2803</v>
      </c>
      <c r="M26" s="47">
        <v>38.18</v>
      </c>
      <c r="N26" s="49">
        <v>4.2</v>
      </c>
      <c r="O26" s="9"/>
    </row>
    <row r="27" spans="1:15" ht="18.899999999999999" customHeight="1" x14ac:dyDescent="0.2">
      <c r="A27" s="59">
        <v>21</v>
      </c>
      <c r="B27" s="41" t="s">
        <v>34</v>
      </c>
      <c r="C27" s="58">
        <v>13678</v>
      </c>
      <c r="D27" s="58">
        <v>4879</v>
      </c>
      <c r="E27" s="44">
        <v>35.700000000000003</v>
      </c>
      <c r="F27" s="44">
        <v>-0.4</v>
      </c>
      <c r="G27" s="45">
        <v>12890</v>
      </c>
      <c r="H27" s="46">
        <v>4201</v>
      </c>
      <c r="I27" s="60">
        <v>32.590000000000003</v>
      </c>
      <c r="J27" s="48">
        <v>-3.0799999999999983</v>
      </c>
      <c r="K27" s="45">
        <v>12745</v>
      </c>
      <c r="L27" s="46">
        <v>4113</v>
      </c>
      <c r="M27" s="61">
        <v>32.270000000000003</v>
      </c>
      <c r="N27" s="49">
        <v>-0.3</v>
      </c>
      <c r="O27" s="9"/>
    </row>
    <row r="28" spans="1:15" ht="18.899999999999999" customHeight="1" x14ac:dyDescent="0.2">
      <c r="A28" s="9">
        <v>22</v>
      </c>
      <c r="B28" s="32" t="s">
        <v>35</v>
      </c>
      <c r="C28" s="57">
        <v>6009</v>
      </c>
      <c r="D28" s="57">
        <v>1996</v>
      </c>
      <c r="E28" s="35">
        <v>33.200000000000003</v>
      </c>
      <c r="F28" s="35">
        <v>2.9</v>
      </c>
      <c r="G28" s="36">
        <v>5784</v>
      </c>
      <c r="H28" s="37">
        <v>2045</v>
      </c>
      <c r="I28" s="38">
        <v>35.36</v>
      </c>
      <c r="J28" s="39">
        <v>2.2000000000000002</v>
      </c>
      <c r="K28" s="36">
        <v>5639</v>
      </c>
      <c r="L28" s="37">
        <v>1693</v>
      </c>
      <c r="M28" s="38">
        <v>30.02</v>
      </c>
      <c r="N28" s="40">
        <v>-5.4</v>
      </c>
      <c r="O28" s="9"/>
    </row>
    <row r="29" spans="1:15" ht="18.899999999999999" customHeight="1" x14ac:dyDescent="0.2">
      <c r="A29" s="9">
        <v>23</v>
      </c>
      <c r="B29" s="41" t="s">
        <v>36</v>
      </c>
      <c r="C29" s="58">
        <v>4997</v>
      </c>
      <c r="D29" s="58">
        <v>1931</v>
      </c>
      <c r="E29" s="44">
        <v>38.6</v>
      </c>
      <c r="F29" s="44">
        <v>-0.7</v>
      </c>
      <c r="G29" s="45">
        <v>4749</v>
      </c>
      <c r="H29" s="46">
        <v>1861</v>
      </c>
      <c r="I29" s="47">
        <v>39.190000000000005</v>
      </c>
      <c r="J29" s="48">
        <v>0.55000000000000426</v>
      </c>
      <c r="K29" s="45">
        <v>4658</v>
      </c>
      <c r="L29" s="46">
        <v>1627</v>
      </c>
      <c r="M29" s="47">
        <v>34.93</v>
      </c>
      <c r="N29" s="49">
        <v>-4.3</v>
      </c>
      <c r="O29" s="9"/>
    </row>
    <row r="30" spans="1:15" ht="18.899999999999999" customHeight="1" x14ac:dyDescent="0.2">
      <c r="A30" s="9">
        <v>24</v>
      </c>
      <c r="B30" s="41" t="s">
        <v>37</v>
      </c>
      <c r="C30" s="58">
        <v>1937</v>
      </c>
      <c r="D30" s="58">
        <v>615</v>
      </c>
      <c r="E30" s="44">
        <v>31.8</v>
      </c>
      <c r="F30" s="44">
        <v>-1.1000000000000001</v>
      </c>
      <c r="G30" s="45">
        <v>1857</v>
      </c>
      <c r="H30" s="46">
        <v>488</v>
      </c>
      <c r="I30" s="47">
        <v>26.279999999999998</v>
      </c>
      <c r="J30" s="48">
        <v>-5.4700000000000024</v>
      </c>
      <c r="K30" s="45">
        <v>1813</v>
      </c>
      <c r="L30" s="46">
        <v>388</v>
      </c>
      <c r="M30" s="47">
        <v>21.4</v>
      </c>
      <c r="N30" s="49">
        <v>-4.9000000000000004</v>
      </c>
      <c r="O30" s="9"/>
    </row>
    <row r="31" spans="1:15" ht="18.899999999999999" customHeight="1" x14ac:dyDescent="0.2">
      <c r="A31" s="9">
        <v>25</v>
      </c>
      <c r="B31" s="41" t="s">
        <v>38</v>
      </c>
      <c r="C31" s="58">
        <v>2766</v>
      </c>
      <c r="D31" s="58">
        <v>748</v>
      </c>
      <c r="E31" s="44">
        <v>27</v>
      </c>
      <c r="F31" s="44">
        <v>3.3</v>
      </c>
      <c r="G31" s="45">
        <v>2645</v>
      </c>
      <c r="H31" s="46">
        <v>729</v>
      </c>
      <c r="I31" s="47">
        <v>27.560000000000002</v>
      </c>
      <c r="J31" s="48">
        <v>0.6</v>
      </c>
      <c r="K31" s="45">
        <v>2618</v>
      </c>
      <c r="L31" s="46">
        <v>727</v>
      </c>
      <c r="M31" s="47">
        <v>27.77</v>
      </c>
      <c r="N31" s="49">
        <v>0.2</v>
      </c>
      <c r="O31" s="9"/>
    </row>
    <row r="32" spans="1:15" ht="18.899999999999999" customHeight="1" x14ac:dyDescent="0.2">
      <c r="A32" s="9">
        <v>26</v>
      </c>
      <c r="B32" s="41" t="s">
        <v>39</v>
      </c>
      <c r="C32" s="58">
        <v>1976</v>
      </c>
      <c r="D32" s="58">
        <v>601</v>
      </c>
      <c r="E32" s="44">
        <v>30.4</v>
      </c>
      <c r="F32" s="44">
        <v>-0.9</v>
      </c>
      <c r="G32" s="45">
        <v>1902</v>
      </c>
      <c r="H32" s="46">
        <v>670</v>
      </c>
      <c r="I32" s="47">
        <v>35.229999999999997</v>
      </c>
      <c r="J32" s="48">
        <v>4.82</v>
      </c>
      <c r="K32" s="45">
        <v>1876</v>
      </c>
      <c r="L32" s="46">
        <v>667</v>
      </c>
      <c r="M32" s="47">
        <v>35.549999999999997</v>
      </c>
      <c r="N32" s="49">
        <v>0.4</v>
      </c>
      <c r="O32" s="9"/>
    </row>
    <row r="33" spans="1:15" ht="18.899999999999999" customHeight="1" x14ac:dyDescent="0.2">
      <c r="A33" s="9">
        <v>27</v>
      </c>
      <c r="B33" s="41" t="s">
        <v>40</v>
      </c>
      <c r="C33" s="58">
        <v>2171</v>
      </c>
      <c r="D33" s="58">
        <v>763</v>
      </c>
      <c r="E33" s="44">
        <v>35.1</v>
      </c>
      <c r="F33" s="44">
        <v>0.5</v>
      </c>
      <c r="G33" s="45">
        <v>2061</v>
      </c>
      <c r="H33" s="46">
        <v>750</v>
      </c>
      <c r="I33" s="47">
        <v>36.39</v>
      </c>
      <c r="J33" s="48">
        <v>1.240000000000002</v>
      </c>
      <c r="K33" s="45">
        <v>2025</v>
      </c>
      <c r="L33" s="46">
        <v>615</v>
      </c>
      <c r="M33" s="47">
        <v>30.37</v>
      </c>
      <c r="N33" s="49">
        <v>-6</v>
      </c>
      <c r="O33" s="9"/>
    </row>
    <row r="34" spans="1:15" ht="18.899999999999999" customHeight="1" x14ac:dyDescent="0.2">
      <c r="A34" s="9">
        <v>28</v>
      </c>
      <c r="B34" s="41" t="s">
        <v>41</v>
      </c>
      <c r="C34" s="58">
        <v>2333</v>
      </c>
      <c r="D34" s="58">
        <v>969</v>
      </c>
      <c r="E34" s="44">
        <v>41.5</v>
      </c>
      <c r="F34" s="44">
        <v>3.2</v>
      </c>
      <c r="G34" s="45">
        <v>2219</v>
      </c>
      <c r="H34" s="46">
        <v>901</v>
      </c>
      <c r="I34" s="47">
        <v>40.6</v>
      </c>
      <c r="J34" s="48">
        <v>-0.92999999999999972</v>
      </c>
      <c r="K34" s="45">
        <v>2189</v>
      </c>
      <c r="L34" s="46">
        <v>589</v>
      </c>
      <c r="M34" s="47">
        <v>26.91</v>
      </c>
      <c r="N34" s="49">
        <v>-13.7</v>
      </c>
      <c r="O34" s="9"/>
    </row>
    <row r="35" spans="1:15" ht="18.899999999999999" customHeight="1" x14ac:dyDescent="0.2">
      <c r="A35" s="9">
        <v>29</v>
      </c>
      <c r="B35" s="41" t="s">
        <v>42</v>
      </c>
      <c r="C35" s="58">
        <v>2077</v>
      </c>
      <c r="D35" s="58">
        <v>649</v>
      </c>
      <c r="E35" s="44">
        <v>31.2</v>
      </c>
      <c r="F35" s="44">
        <v>-0.1</v>
      </c>
      <c r="G35" s="45">
        <v>1959</v>
      </c>
      <c r="H35" s="46">
        <v>614</v>
      </c>
      <c r="I35" s="47">
        <v>31.34</v>
      </c>
      <c r="J35" s="48">
        <v>8.9999999999999858E-2</v>
      </c>
      <c r="K35" s="45">
        <v>1901</v>
      </c>
      <c r="L35" s="46">
        <v>612</v>
      </c>
      <c r="M35" s="47">
        <v>32.19</v>
      </c>
      <c r="N35" s="49">
        <v>0.9</v>
      </c>
      <c r="O35" s="9"/>
    </row>
    <row r="36" spans="1:15" ht="18.899999999999999" customHeight="1" x14ac:dyDescent="0.2">
      <c r="A36" s="9">
        <v>30</v>
      </c>
      <c r="B36" s="41" t="s">
        <v>43</v>
      </c>
      <c r="C36" s="58">
        <v>1683</v>
      </c>
      <c r="D36" s="58">
        <v>526</v>
      </c>
      <c r="E36" s="44">
        <v>31.3</v>
      </c>
      <c r="F36" s="44">
        <v>0.4</v>
      </c>
      <c r="G36" s="45">
        <v>1600</v>
      </c>
      <c r="H36" s="46">
        <v>541</v>
      </c>
      <c r="I36" s="47">
        <v>33.81</v>
      </c>
      <c r="J36" s="48">
        <v>2.5</v>
      </c>
      <c r="K36" s="45">
        <v>1592</v>
      </c>
      <c r="L36" s="46">
        <v>472</v>
      </c>
      <c r="M36" s="47">
        <v>29.6</v>
      </c>
      <c r="N36" s="49">
        <v>-4.2</v>
      </c>
      <c r="O36" s="9"/>
    </row>
    <row r="37" spans="1:15" ht="18.899999999999999" customHeight="1" x14ac:dyDescent="0.2">
      <c r="A37" s="9">
        <v>31</v>
      </c>
      <c r="B37" s="41" t="s">
        <v>44</v>
      </c>
      <c r="C37" s="58">
        <v>5265</v>
      </c>
      <c r="D37" s="58">
        <v>1474</v>
      </c>
      <c r="E37" s="44">
        <v>28</v>
      </c>
      <c r="F37" s="44">
        <v>2.4</v>
      </c>
      <c r="G37" s="45">
        <v>4998</v>
      </c>
      <c r="H37" s="46">
        <v>1567</v>
      </c>
      <c r="I37" s="47">
        <v>31.35</v>
      </c>
      <c r="J37" s="48">
        <v>3.3499999999999979</v>
      </c>
      <c r="K37" s="45">
        <v>4916</v>
      </c>
      <c r="L37" s="46">
        <v>1104</v>
      </c>
      <c r="M37" s="47">
        <v>22.46</v>
      </c>
      <c r="N37" s="49">
        <v>-8.9</v>
      </c>
      <c r="O37" s="9"/>
    </row>
    <row r="38" spans="1:15" ht="18.899999999999999" customHeight="1" x14ac:dyDescent="0.2">
      <c r="A38" s="9">
        <v>32</v>
      </c>
      <c r="B38" s="41" t="s">
        <v>45</v>
      </c>
      <c r="C38" s="58">
        <v>7672</v>
      </c>
      <c r="D38" s="58">
        <v>2694</v>
      </c>
      <c r="E38" s="44">
        <v>35.1</v>
      </c>
      <c r="F38" s="44">
        <v>-1.4</v>
      </c>
      <c r="G38" s="45">
        <v>7288</v>
      </c>
      <c r="H38" s="46">
        <v>2590</v>
      </c>
      <c r="I38" s="47">
        <v>35.54</v>
      </c>
      <c r="J38" s="48">
        <v>0.42999999999999972</v>
      </c>
      <c r="K38" s="45">
        <v>7218</v>
      </c>
      <c r="L38" s="46">
        <v>2611</v>
      </c>
      <c r="M38" s="47">
        <v>36.17</v>
      </c>
      <c r="N38" s="49">
        <v>0.7</v>
      </c>
      <c r="O38" s="9"/>
    </row>
    <row r="39" spans="1:15" ht="18.899999999999999" customHeight="1" thickBot="1" x14ac:dyDescent="0.25">
      <c r="A39" s="62">
        <v>33</v>
      </c>
      <c r="B39" s="63" t="s">
        <v>46</v>
      </c>
      <c r="C39" s="64">
        <v>673</v>
      </c>
      <c r="D39" s="64">
        <v>300</v>
      </c>
      <c r="E39" s="65">
        <v>44.6</v>
      </c>
      <c r="F39" s="65">
        <v>1.3</v>
      </c>
      <c r="G39" s="66">
        <v>627</v>
      </c>
      <c r="H39" s="67">
        <v>277</v>
      </c>
      <c r="I39" s="68">
        <v>44.18</v>
      </c>
      <c r="J39" s="69">
        <v>-0.39999999999999858</v>
      </c>
      <c r="K39" s="66">
        <v>612</v>
      </c>
      <c r="L39" s="67">
        <v>229</v>
      </c>
      <c r="M39" s="68">
        <v>37.42</v>
      </c>
      <c r="N39" s="70">
        <v>-6.8</v>
      </c>
      <c r="O39" s="9"/>
    </row>
    <row r="40" spans="1:15" ht="18.899999999999999" customHeight="1" thickTop="1" x14ac:dyDescent="0.2">
      <c r="A40" s="9">
        <v>301</v>
      </c>
      <c r="B40" s="32" t="s">
        <v>47</v>
      </c>
      <c r="C40" s="57">
        <v>8229</v>
      </c>
      <c r="D40" s="57">
        <v>3001</v>
      </c>
      <c r="E40" s="35">
        <v>36.5</v>
      </c>
      <c r="F40" s="35">
        <v>0.4</v>
      </c>
      <c r="G40" s="36">
        <v>8157</v>
      </c>
      <c r="H40" s="37">
        <v>2876</v>
      </c>
      <c r="I40" s="71">
        <v>35.260000000000005</v>
      </c>
      <c r="J40" s="39">
        <v>-1.2099999999999937</v>
      </c>
      <c r="K40" s="36">
        <v>8094</v>
      </c>
      <c r="L40" s="37">
        <v>2772</v>
      </c>
      <c r="M40" s="71">
        <v>34.200000000000003</v>
      </c>
      <c r="N40" s="40">
        <v>-1.1000000000000001</v>
      </c>
      <c r="O40" s="72"/>
    </row>
    <row r="41" spans="1:15" ht="18.899999999999999" customHeight="1" x14ac:dyDescent="0.2">
      <c r="A41" s="9">
        <v>302</v>
      </c>
      <c r="B41" s="41" t="s">
        <v>48</v>
      </c>
      <c r="C41" s="58">
        <v>7783</v>
      </c>
      <c r="D41" s="58">
        <v>2712</v>
      </c>
      <c r="E41" s="44">
        <v>34.799999999999997</v>
      </c>
      <c r="F41" s="44">
        <v>0.6</v>
      </c>
      <c r="G41" s="45">
        <v>7867</v>
      </c>
      <c r="H41" s="46">
        <v>2729</v>
      </c>
      <c r="I41" s="61">
        <v>34.69</v>
      </c>
      <c r="J41" s="48">
        <v>-0.1</v>
      </c>
      <c r="K41" s="45">
        <v>7940</v>
      </c>
      <c r="L41" s="46">
        <v>2251</v>
      </c>
      <c r="M41" s="61">
        <v>28.35</v>
      </c>
      <c r="N41" s="49">
        <v>-6.3</v>
      </c>
      <c r="O41" s="72"/>
    </row>
    <row r="42" spans="1:15" ht="18.899999999999999" customHeight="1" x14ac:dyDescent="0.2">
      <c r="A42" s="9">
        <v>303</v>
      </c>
      <c r="B42" s="41" t="s">
        <v>49</v>
      </c>
      <c r="C42" s="58">
        <v>9111</v>
      </c>
      <c r="D42" s="58">
        <v>2212</v>
      </c>
      <c r="E42" s="44">
        <v>24.3</v>
      </c>
      <c r="F42" s="44">
        <v>1.1000000000000001</v>
      </c>
      <c r="G42" s="45">
        <v>8557</v>
      </c>
      <c r="H42" s="46">
        <v>2167</v>
      </c>
      <c r="I42" s="61">
        <v>25.319999999999997</v>
      </c>
      <c r="J42" s="48">
        <v>1.0399999999999991</v>
      </c>
      <c r="K42" s="45">
        <v>8287</v>
      </c>
      <c r="L42" s="46">
        <v>2104</v>
      </c>
      <c r="M42" s="61">
        <v>25.39</v>
      </c>
      <c r="N42" s="49">
        <v>0.1</v>
      </c>
      <c r="O42" s="72"/>
    </row>
    <row r="43" spans="1:15" ht="18.899999999999999" customHeight="1" x14ac:dyDescent="0.2">
      <c r="A43" s="9">
        <v>304</v>
      </c>
      <c r="B43" s="41" t="s">
        <v>50</v>
      </c>
      <c r="C43" s="58">
        <v>2236</v>
      </c>
      <c r="D43" s="58">
        <v>917</v>
      </c>
      <c r="E43" s="44">
        <v>41</v>
      </c>
      <c r="F43" s="44">
        <v>-1.6</v>
      </c>
      <c r="G43" s="45">
        <v>2204</v>
      </c>
      <c r="H43" s="46">
        <v>844</v>
      </c>
      <c r="I43" s="61">
        <v>38.29</v>
      </c>
      <c r="J43" s="48">
        <v>-2.720000000000006</v>
      </c>
      <c r="K43" s="45">
        <v>2176</v>
      </c>
      <c r="L43" s="46">
        <v>819</v>
      </c>
      <c r="M43" s="61">
        <v>37.64</v>
      </c>
      <c r="N43" s="49">
        <v>-0.7</v>
      </c>
      <c r="O43" s="72"/>
    </row>
    <row r="44" spans="1:15" ht="18.899999999999999" customHeight="1" x14ac:dyDescent="0.2">
      <c r="A44" s="9">
        <v>305</v>
      </c>
      <c r="B44" s="41" t="s">
        <v>51</v>
      </c>
      <c r="C44" s="58">
        <v>4479</v>
      </c>
      <c r="D44" s="58">
        <v>2124</v>
      </c>
      <c r="E44" s="44">
        <v>47.4</v>
      </c>
      <c r="F44" s="44">
        <v>0.2</v>
      </c>
      <c r="G44" s="45">
        <v>4365</v>
      </c>
      <c r="H44" s="46">
        <v>2114</v>
      </c>
      <c r="I44" s="61">
        <v>48.43</v>
      </c>
      <c r="J44" s="48">
        <v>1.009999999999998</v>
      </c>
      <c r="K44" s="45">
        <v>4333</v>
      </c>
      <c r="L44" s="46">
        <v>1833</v>
      </c>
      <c r="M44" s="61">
        <v>42.3</v>
      </c>
      <c r="N44" s="49">
        <v>-6.1</v>
      </c>
      <c r="O44" s="72"/>
    </row>
    <row r="45" spans="1:15" ht="18.899999999999999" customHeight="1" thickBot="1" x14ac:dyDescent="0.25">
      <c r="A45" s="73">
        <v>306</v>
      </c>
      <c r="B45" s="63" t="s">
        <v>52</v>
      </c>
      <c r="C45" s="64">
        <v>36348</v>
      </c>
      <c r="D45" s="64">
        <v>18259</v>
      </c>
      <c r="E45" s="65">
        <v>50.2</v>
      </c>
      <c r="F45" s="65">
        <v>0.3</v>
      </c>
      <c r="G45" s="66">
        <v>36275</v>
      </c>
      <c r="H45" s="67">
        <v>18284</v>
      </c>
      <c r="I45" s="74">
        <v>50.4</v>
      </c>
      <c r="J45" s="69">
        <v>0.17000000000000171</v>
      </c>
      <c r="K45" s="66">
        <v>36627</v>
      </c>
      <c r="L45" s="67">
        <v>16283</v>
      </c>
      <c r="M45" s="74">
        <v>44.46</v>
      </c>
      <c r="N45" s="70">
        <v>-5.9</v>
      </c>
      <c r="O45" s="72"/>
    </row>
    <row r="46" spans="1:15" ht="18.899999999999999" customHeight="1" thickTop="1" thickBot="1" x14ac:dyDescent="0.25">
      <c r="A46" s="75" t="s">
        <v>53</v>
      </c>
      <c r="B46" s="76"/>
      <c r="C46" s="77">
        <v>1288106</v>
      </c>
      <c r="D46" s="77">
        <v>365754</v>
      </c>
      <c r="E46" s="78">
        <v>28.4</v>
      </c>
      <c r="F46" s="78">
        <v>1</v>
      </c>
      <c r="G46" s="79">
        <v>1236636</v>
      </c>
      <c r="H46" s="80">
        <v>356549</v>
      </c>
      <c r="I46" s="81">
        <v>28.83</v>
      </c>
      <c r="J46" s="82">
        <v>0.44000000000000128</v>
      </c>
      <c r="K46" s="79">
        <v>1223888</v>
      </c>
      <c r="L46" s="80">
        <v>314861</v>
      </c>
      <c r="M46" s="81">
        <v>25.73</v>
      </c>
      <c r="N46" s="83">
        <v>-3.1</v>
      </c>
      <c r="O46" s="72"/>
    </row>
    <row r="47" spans="1:15" ht="18.899999999999999" customHeight="1" thickTop="1" thickBot="1" x14ac:dyDescent="0.25">
      <c r="A47" s="75" t="s">
        <v>54</v>
      </c>
      <c r="B47" s="76"/>
      <c r="C47" s="77">
        <v>68186</v>
      </c>
      <c r="D47" s="77">
        <v>29225</v>
      </c>
      <c r="E47" s="78">
        <v>42.9</v>
      </c>
      <c r="F47" s="78">
        <v>0.7</v>
      </c>
      <c r="G47" s="84">
        <v>67425</v>
      </c>
      <c r="H47" s="85">
        <v>29014</v>
      </c>
      <c r="I47" s="86">
        <v>43.03</v>
      </c>
      <c r="J47" s="87">
        <v>0.1</v>
      </c>
      <c r="K47" s="84">
        <v>67425</v>
      </c>
      <c r="L47" s="85">
        <v>29014</v>
      </c>
      <c r="M47" s="86">
        <v>38.630000000000003</v>
      </c>
      <c r="N47" s="88">
        <v>-4.4000000000000004</v>
      </c>
      <c r="O47" s="72"/>
    </row>
    <row r="48" spans="1:15" ht="18.899999999999999" customHeight="1" thickTop="1" thickBot="1" x14ac:dyDescent="0.25">
      <c r="A48" s="89" t="s">
        <v>55</v>
      </c>
      <c r="B48" s="90"/>
      <c r="C48" s="91">
        <v>1356292</v>
      </c>
      <c r="D48" s="91">
        <v>394979</v>
      </c>
      <c r="E48" s="92">
        <v>29.1</v>
      </c>
      <c r="F48" s="92">
        <v>0.9</v>
      </c>
      <c r="G48" s="93">
        <v>1304061</v>
      </c>
      <c r="H48" s="94">
        <v>385563</v>
      </c>
      <c r="I48" s="95">
        <v>29.57</v>
      </c>
      <c r="J48" s="96">
        <v>0.5</v>
      </c>
      <c r="K48" s="93">
        <v>1304061</v>
      </c>
      <c r="L48" s="94">
        <v>385563</v>
      </c>
      <c r="M48" s="97">
        <v>26.4</v>
      </c>
      <c r="N48" s="98">
        <v>-3.2</v>
      </c>
      <c r="O48" s="72"/>
    </row>
    <row r="49" spans="1:1" x14ac:dyDescent="0.2">
      <c r="A49" s="99"/>
    </row>
  </sheetData>
  <mergeCells count="11">
    <mergeCell ref="A46:B46"/>
    <mergeCell ref="A47:B47"/>
    <mergeCell ref="A48:B48"/>
    <mergeCell ref="A3:B6"/>
    <mergeCell ref="C3:N3"/>
    <mergeCell ref="C4:E4"/>
    <mergeCell ref="F4:F6"/>
    <mergeCell ref="G4:I4"/>
    <mergeCell ref="J4:J6"/>
    <mergeCell ref="K4:M4"/>
    <mergeCell ref="N4:N6"/>
  </mergeCells>
  <phoneticPr fontId="3"/>
  <printOptions horizontalCentered="1"/>
  <pageMargins left="0.59055118110236227" right="0.59055118110236227" top="0.51181102362204722" bottom="0.51181102362204722" header="0.51181102362204722" footer="0.51181102362204722"/>
  <headerFooter alignWithMargins="0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定健診受診率の状況</vt:lpstr>
      <vt:lpstr>特定健診受診率の状況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0:51:00Z</dcterms:created>
  <dcterms:modified xsi:type="dcterms:W3CDTF">2023-01-23T00:51:26Z</dcterms:modified>
</cp:coreProperties>
</file>